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57354" w:rsidRDefault="00FA2BFD">
      <w:r>
        <w:rPr>
          <w:noProof/>
        </w:rPr>
        <w:drawing>
          <wp:inline distT="0" distB="0" distL="0" distR="0" wp14:anchorId="0F06E11E" wp14:editId="03AEAAEC">
            <wp:extent cx="5943600" cy="659257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5925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0D71" w:rsidRDefault="007A0D71"/>
    <w:p w:rsidR="007A0D71" w:rsidRDefault="007A0D71"/>
    <w:p w:rsidR="007A0D71" w:rsidRDefault="007A0D71">
      <w:pPr>
        <w:rPr>
          <w:b/>
        </w:rPr>
      </w:pPr>
      <w:r>
        <w:rPr>
          <w:b/>
        </w:rPr>
        <w:t>Task-</w:t>
      </w:r>
      <w:r w:rsidR="00FA2BFD">
        <w:rPr>
          <w:b/>
        </w:rPr>
        <w:t>1</w:t>
      </w:r>
      <w:r>
        <w:rPr>
          <w:b/>
        </w:rPr>
        <w:t>: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close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; clear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1:31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0:31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ength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lastRenderedPageBreak/>
        <w:t>w=k*(pi/N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1=2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2=6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3=13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30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in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2*pi*f1*n)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+sin((2*pi*f2*n)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+sin((2*pi*f3*n)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411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tem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Original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\omega/\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mpl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D=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ex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-j*2*pi/N).^(n'*k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x*D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0:1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:N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-1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dtft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,w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x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412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\omega/\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mpl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tem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k,ab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X)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hold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ine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w,ab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dtft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413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\omega/\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Rads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>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tem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k,angl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X)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hold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ine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w,angl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dtft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C=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conj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D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idft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=(1/N)*X*C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414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tem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xidft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xidft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>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\omega/\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mpl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4841E4" w:rsidRDefault="00FA2BFD">
      <w:pPr>
        <w:rPr>
          <w:b/>
        </w:rPr>
      </w:pPr>
      <w:r w:rsidRPr="00FA2BFD">
        <w:rPr>
          <w:b/>
          <w:noProof/>
        </w:rPr>
        <w:lastRenderedPageBreak/>
        <w:drawing>
          <wp:inline distT="0" distB="0" distL="0" distR="0">
            <wp:extent cx="6543675" cy="4419475"/>
            <wp:effectExtent l="0" t="0" r="0" b="635"/>
            <wp:docPr id="8" name="Picture 8" descr="C:\Users\i140420\Desktop\Kamran_dsp_8_28-3\T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dsp_8_28-3\T1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57510" cy="44288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841E4" w:rsidRDefault="00FA2BFD" w:rsidP="004841E4">
      <w:pPr>
        <w:rPr>
          <w:b/>
        </w:rPr>
      </w:pPr>
      <w:r>
        <w:rPr>
          <w:b/>
        </w:rPr>
        <w:t>Task-2</w:t>
      </w:r>
      <w:r w:rsidR="004841E4">
        <w:rPr>
          <w:b/>
        </w:rPr>
        <w:t>:</w:t>
      </w:r>
    </w:p>
    <w:p w:rsidR="00E54737" w:rsidRDefault="00E54737" w:rsidP="004841E4">
      <w:pPr>
        <w:rPr>
          <w:b/>
        </w:rPr>
      </w:pPr>
      <w:r>
        <w:rPr>
          <w:b/>
        </w:rPr>
        <w:t>a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FF"/>
          <w:sz w:val="20"/>
          <w:szCs w:val="20"/>
        </w:rPr>
        <w:t>function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[X] 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dft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,x,N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n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D=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ex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-j*2*pi/N).^(n'*k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x*D;</w:t>
      </w:r>
    </w:p>
    <w:p w:rsidR="007A0D71" w:rsidRDefault="007A0D71">
      <w:pPr>
        <w:rPr>
          <w:b/>
        </w:rPr>
      </w:pP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close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clear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1:31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0:31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ength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k*(pi/N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1=2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2=6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3=13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s1=30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s2=32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1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=sin((2*pi*f1*n)/Fs1)+sin((2*pi*f2*n)/Fs1)+sin((2*pi*f3*n)/Fs1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1=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dft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x1,N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11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tem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w/pi),abs(X1)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lastRenderedPageBreak/>
        <w:t>x2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=sin((2*pi*f1*n)/Fs2)+sin((2*pi*f2*n)/Fs2)+sin((2*pi*f3*n)/Fs2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2=x2*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ex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-j*2*pi/N).^(n'*k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12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tem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w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pi,ab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X2)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E54737" w:rsidRPr="00E54737" w:rsidRDefault="00E54737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b/>
          <w:sz w:val="24"/>
          <w:szCs w:val="24"/>
        </w:rPr>
      </w:pPr>
    </w:p>
    <w:p w:rsidR="00E54737" w:rsidRDefault="00FA2BFD">
      <w:pPr>
        <w:rPr>
          <w:b/>
        </w:rPr>
      </w:pPr>
      <w:r w:rsidRPr="00FA2BFD">
        <w:rPr>
          <w:b/>
          <w:noProof/>
        </w:rPr>
        <w:drawing>
          <wp:inline distT="0" distB="0" distL="0" distR="0">
            <wp:extent cx="5943600" cy="2999661"/>
            <wp:effectExtent l="0" t="0" r="0" b="0"/>
            <wp:docPr id="10" name="Picture 10" descr="C:\Users\i140420\Desktop\Kamran_dsp_8_28-3\t2 func df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140420\Desktop\Kamran_dsp_8_28-3\t2 func dft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96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54737" w:rsidRDefault="00E54737">
      <w:pPr>
        <w:rPr>
          <w:b/>
        </w:rPr>
      </w:pPr>
      <w:r>
        <w:rPr>
          <w:b/>
        </w:rPr>
        <w:t>b)</w:t>
      </w:r>
    </w:p>
    <w:p w:rsidR="00E54737" w:rsidRDefault="00E54737" w:rsidP="00E54737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FF"/>
          <w:sz w:val="20"/>
          <w:szCs w:val="20"/>
        </w:rPr>
        <w:t>function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[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id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] 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idft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,X,N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E54737" w:rsidRDefault="00E54737" w:rsidP="00E54737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n;</w:t>
      </w:r>
    </w:p>
    <w:p w:rsidR="00E54737" w:rsidRDefault="00E54737" w:rsidP="00E54737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D=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ex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-j*2*pi/N).^(n'*k);</w:t>
      </w:r>
    </w:p>
    <w:p w:rsidR="00E54737" w:rsidRDefault="00E54737" w:rsidP="00E54737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x*D;</w:t>
      </w:r>
    </w:p>
    <w:p w:rsidR="00E54737" w:rsidRDefault="00E54737" w:rsidP="00E54737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C=</w:t>
      </w: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conj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D);</w:t>
      </w:r>
    </w:p>
    <w:p w:rsidR="00E54737" w:rsidRDefault="00E54737" w:rsidP="00E54737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idx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=(1/N)*X*C;</w:t>
      </w:r>
    </w:p>
    <w:p w:rsidR="00E54737" w:rsidRDefault="00E54737">
      <w:pPr>
        <w:rPr>
          <w:b/>
        </w:rPr>
      </w:pPr>
      <w:bookmarkStart w:id="0" w:name="_GoBack"/>
      <w:bookmarkEnd w:id="0"/>
    </w:p>
    <w:p w:rsidR="00443722" w:rsidRDefault="00FA2BFD" w:rsidP="00443722">
      <w:pPr>
        <w:rPr>
          <w:b/>
        </w:rPr>
      </w:pPr>
      <w:r>
        <w:rPr>
          <w:b/>
        </w:rPr>
        <w:t>Task-3</w:t>
      </w:r>
      <w:r w:rsidR="00443722">
        <w:rPr>
          <w:b/>
        </w:rPr>
        <w:t>: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=[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0:1:200]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ength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1=9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2000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in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(2*pi*f1*n)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ft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,N</w:t>
      </w:r>
      <w:proofErr w:type="spellEnd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11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tem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ab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y)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t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mpl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ub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12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stem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angl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y)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t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Rads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>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1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=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f1*N)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s</w:t>
      </w:r>
      <w:proofErr w:type="spellEnd"/>
    </w:p>
    <w:p w:rsidR="00FA2BFD" w:rsidRDefault="00FA2BFD" w:rsidP="00FA2BF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4841E4" w:rsidRDefault="00FA2BFD" w:rsidP="00443722">
      <w:pPr>
        <w:rPr>
          <w:b/>
        </w:rPr>
      </w:pPr>
      <w:r w:rsidRPr="00FA2BFD">
        <w:rPr>
          <w:b/>
          <w:noProof/>
        </w:rPr>
        <w:drawing>
          <wp:inline distT="0" distB="0" distL="0" distR="0">
            <wp:extent cx="5942498" cy="4400550"/>
            <wp:effectExtent l="0" t="0" r="1270" b="0"/>
            <wp:docPr id="9" name="Picture 9" descr="C:\Users\i140420\Desktop\Kamran_dsp_8_28-3\T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140420\Desktop\Kamran_dsp_8_28-3\T3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5448" cy="44027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A2BFD" w:rsidRDefault="00FA2BFD" w:rsidP="00443722">
      <w:pPr>
        <w:rPr>
          <w:b/>
        </w:rPr>
      </w:pPr>
      <w:r>
        <w:rPr>
          <w:b/>
        </w:rPr>
        <w:t>K=90.45</w:t>
      </w:r>
    </w:p>
    <w:sectPr w:rsidR="00FA2BFD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30056"/>
    <w:rsid w:val="00230056"/>
    <w:rsid w:val="00443722"/>
    <w:rsid w:val="00465543"/>
    <w:rsid w:val="004841E4"/>
    <w:rsid w:val="00757354"/>
    <w:rsid w:val="007A0D71"/>
    <w:rsid w:val="008B4B9E"/>
    <w:rsid w:val="00C34287"/>
    <w:rsid w:val="00CC2974"/>
    <w:rsid w:val="00DF0DFC"/>
    <w:rsid w:val="00E54737"/>
    <w:rsid w:val="00FA2BF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83CDFFF5-FF0F-478E-AFE6-1452B775007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image" Target="media/image4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5" Type="http://schemas.openxmlformats.org/officeDocument/2006/relationships/image" Target="media/image2.jpeg"/><Relationship Id="rId4" Type="http://schemas.openxmlformats.org/officeDocument/2006/relationships/image" Target="media/image1.png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0</TotalTime>
  <Pages>5</Pages>
  <Words>216</Words>
  <Characters>1236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45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140420</dc:creator>
  <cp:keywords/>
  <dc:description/>
  <cp:lastModifiedBy>i140420</cp:lastModifiedBy>
  <cp:revision>9</cp:revision>
  <dcterms:created xsi:type="dcterms:W3CDTF">2019-03-07T10:03:00Z</dcterms:created>
  <dcterms:modified xsi:type="dcterms:W3CDTF">2019-03-28T11:31:00Z</dcterms:modified>
</cp:coreProperties>
</file>